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104920\Downloads\"/>
    </mc:Choice>
  </mc:AlternateContent>
  <bookViews>
    <workbookView xWindow="0" yWindow="0" windowWidth="28800" windowHeight="11580"/>
  </bookViews>
  <sheets>
    <sheet name="PSPP liste ISIN EN (002)" sheetId="1" r:id="rId1"/>
  </sheets>
  <calcPr calcId="0"/>
</workbook>
</file>

<file path=xl/sharedStrings.xml><?xml version="1.0" encoding="utf-8"?>
<sst xmlns="http://schemas.openxmlformats.org/spreadsheetml/2006/main" count="296" uniqueCount="296">
  <si>
    <t>Securities purchased under the PSPP available for securities lending as of 10/03/2025 after closing time,ISSUER,COUPON,MATURITY</t>
  </si>
  <si>
    <t>EU000A18YZ05,EUROPEAN UNION BRUSELLS,1.125,4/4/2036</t>
  </si>
  <si>
    <t>EU000A1G0AJ7,EFSF EUROP FIAL STAB LUXEMBOURG,3.875,3/30/2032</t>
  </si>
  <si>
    <t>EU000A1G0AT6,EFSF EUROP FIAL STAB LUXEMBOURG,3.375,4/3/2037</t>
  </si>
  <si>
    <t>EU000A1G0BJ5,EFSF EUROP FIAL STAB LUXEMBOURG,3,9/4/2034</t>
  </si>
  <si>
    <t>EU000A1G0BL1,EFSF EUROP FIAL STAB LUXEMBOURG,2.75,12/3/2029</t>
  </si>
  <si>
    <t>EU000A1G0D05,EFSF EUROP FIAL STAB LUXEMBOURG,1.45,9/5/2040</t>
  </si>
  <si>
    <t>EU000A1G0D70,EFSF EUROP FIAL STAB LUXEMBOURG,0.95,2/14/2028</t>
  </si>
  <si>
    <t>EU000A1G0D88,EFSF EUROP FIAL STAB LUXEMBOURG,0.625,10/16/2026</t>
  </si>
  <si>
    <t>EU000A1G0DB8,EFSF EUROP FIAL STAB LUXEMBOURG,2.35,7/29/2044</t>
  </si>
  <si>
    <t>EU000A1G0DD4,EFSF EUROP FIAL STAB LUXEMBOURG,1.2,2/17/2045</t>
  </si>
  <si>
    <t>EU000A1G0DH5,EFSF EUROP FIAL STAB LUXEMBOURG,0.4,5/31/2026</t>
  </si>
  <si>
    <t>EU000A1G0DJ1,EFSF EUROP FIAL STAB LUXEMBOURG,1.375,5/31/2047</t>
  </si>
  <si>
    <t>EU000A1G0DL7,EFSF EUROP FIAL STAB LUXEMBOURG,1.7,2/13/2043</t>
  </si>
  <si>
    <t>EU000A1G0DR4,EFSF EUROP FIAL STAB LUXEMBOURG,0.75,5/3/2027</t>
  </si>
  <si>
    <t>EU000A1G0DT0,EFSF EUROP FIAL STAB LUXEMBOURG,1.25,5/24/2033</t>
  </si>
  <si>
    <t>EU000A1G0DW4,EFSF EUROP FIAL STAB LUXEMBOURG,1.8,7/10/2048</t>
  </si>
  <si>
    <t>EU000A1G0DY0,EFSF EUROP FIAL STAB LUXEMBOURG,0.875,7/26/2027</t>
  </si>
  <si>
    <t>EU000A1G0EB6,EFSF EUROP FIAL STAB LUXEMBOURG,0.4,1/26/2026</t>
  </si>
  <si>
    <t>EU000A1G0ED2,EFSF EUROP FIAL STAB LUXEMBOURG,0.875,4/10/2035</t>
  </si>
  <si>
    <t>EU000A1G0EE0,EFSF EUROP FIAL STAB LUXEMBOURG,0.05,10/17/2029</t>
  </si>
  <si>
    <t>EU000A1G0EG5,EFSF EUROP FIAL STAB LUXEMBOURG,0.7,1/20/2050</t>
  </si>
  <si>
    <t>EU000A1G0EJ9,EFSF EUROP FIAL STAB LUXEMBOURG,0,10/15/2025</t>
  </si>
  <si>
    <t>EU000A1G0EK7,EFSF EUROP FIAL STAB LUXEMBOURG,0,10/13/2027</t>
  </si>
  <si>
    <t>EU000A1G0EL5,EFSF EUROP FIAL STAB LUXEMBOURG,0,1/20/2031</t>
  </si>
  <si>
    <t>EU000A1G0EM3,EFSF EUROP FIAL STAB LUXEMBOURG,0.05,1/18/2052</t>
  </si>
  <si>
    <t>EU000A1G0EN1,EFSF EUROP FIAL STAB LUXEMBOURG,0,7/20/2026</t>
  </si>
  <si>
    <t>EU000A1G0EP6,EFSF EUROP FIAL STAB LUXEMBOURG,0.125,3/18/2030</t>
  </si>
  <si>
    <t>EU000A1G1Q17,EUROPEAN UNION BRUSELLS,3.375,4/4/2032</t>
  </si>
  <si>
    <t>EU000A1G30R0,EUROPEAN UNION BRUSELLS,3.375,4/4/2038</t>
  </si>
  <si>
    <t>EU000A1G6TV9,EUROPEAN UNION BRUSELLS,2.875,4/4/2028</t>
  </si>
  <si>
    <t>EU000A1GVVF8,EUROPEAN UNION BRUSELLS,3,9/4/2026</t>
  </si>
  <si>
    <t>EU000A1GY6W8,EUROPEAN UNION BRUSELLS,3.75,4/4/2042</t>
  </si>
  <si>
    <t>EU000A1HBXS7,EUROPEAN UNION BRUSELLS,2.5,11/4/2027</t>
  </si>
  <si>
    <t>EU000A1U9902,EUROPEAN STABILITY MECHANISM LUX,1.75,10/20/2045</t>
  </si>
  <si>
    <t>EU000A1U9928,EUROPEAN STABILITY MECHANISM LUX,1.625,11/17/2036</t>
  </si>
  <si>
    <t>EU000A1U9944,EUROPEAN STABILITY MECHANISM LUX,0.5,3/2/2026</t>
  </si>
  <si>
    <t>EU000A1U9969,EUROPEAN STABILITY MECHANISM LUX,1.125,5/3/2032</t>
  </si>
  <si>
    <t>EU000A1U9977,EUROPEAN STABILITY MECHANISM LUX,0.875,7/18/2042</t>
  </si>
  <si>
    <t>EU000A1Z6TV6,EUROPEAN UNION BRUSELLS,1.5,10/4/2035</t>
  </si>
  <si>
    <t>EU000A1Z99A1,EUROPEAN STABILITY MECHANISM LUX,1.8,11/2/2046</t>
  </si>
  <si>
    <t>EU000A1Z99B9,EUROPEAN STABILITY MECHANISM LUX,0.75,3/15/2027</t>
  </si>
  <si>
    <t>EU000A1Z99D5,EUROPEAN STABILITY MECHANISM LUX,1.2,5/23/2033</t>
  </si>
  <si>
    <t>EU000A1Z99F0,EUROPEAN STABILITY MECHANISM LUX,0.75,9/5/2028</t>
  </si>
  <si>
    <t>EU000A1Z99H6,EUROPEAN STABILITY MECHANISM LUX,0.5,3/5/2029</t>
  </si>
  <si>
    <t>EU000A1Z99L8,EUROPEAN STABILITY MECHANISM LUX,0.01,3/4/2030</t>
  </si>
  <si>
    <t>EU000A1Z99N4,EUROPEAN STABILITY MECHANISM LUX,0,12/15/2026</t>
  </si>
  <si>
    <t>EU000A1Z99P9,EUROPEAN STABILITY MECHANISM LUX,0.01,10/15/2031</t>
  </si>
  <si>
    <t>EU000A1Z99Q7,EUROPEAN STABILITY MECHANISM LUX,1,6/23/2027</t>
  </si>
  <si>
    <t>EU000A1Z99R5,EUROPEAN STABILITY MECHANISM LUX,3,3/15/2028</t>
  </si>
  <si>
    <t>EU000A1Z99S3,EUROPEAN STABILITY MECHANISM LUX,3,8/23/2033</t>
  </si>
  <si>
    <t>EU000A1Z99T1,EUROPEAN STABILITY MECHANISM LUX,2.625,9/18/2029</t>
  </si>
  <si>
    <t>EU000A1Z99U9,EUROPEAN STABILITY MECHANISM LUX,2.75,9/15/2034</t>
  </si>
  <si>
    <t>EU000A1ZR7H3,EUROPEAN UNION BRUSELLS,1.375,10/4/2029</t>
  </si>
  <si>
    <t>EU000A283859,EUROPEAN UNION BRUSELLS,0,10/4/2030</t>
  </si>
  <si>
    <t>EU000A283867,EUROPEAN UNION BRUSELLS,0.1,10/4/2040</t>
  </si>
  <si>
    <t>EU000A284451,EUROPEAN UNION BRUSELLS,0,11/4/2025</t>
  </si>
  <si>
    <t>EU000A284469,EUROPEAN UNION BRUSELLS,0.3,11/4/2050</t>
  </si>
  <si>
    <t>EU000A285VM2,EUROPEAN UNION BRUSELLS,0,7/4/2035</t>
  </si>
  <si>
    <t>EU000A287074,EUROPEAN UNION BRUSELLS,0,6/2/2028</t>
  </si>
  <si>
    <t>EU000A28X702,EUROPEAN UNION BRUSELLS,0.125,6/10/2035</t>
  </si>
  <si>
    <t>EU000A2SCAA6,EFSF EUROP FIAL STAB LUXEMBOURG,0.7,1/17/2053</t>
  </si>
  <si>
    <t>EU000A2SCAB4,EFSF EUROP FIAL STAB LUXEMBOURG,0.875,9/5/2028</t>
  </si>
  <si>
    <t>EU000A2SCAC2,EFSF EUROP FIAL STAB LUXEMBOURG,2.375,6/21/2032</t>
  </si>
  <si>
    <t>EU000A2SCAD0,EFSF EUROP FIAL STAB LUXEMBOURG,1.5,12/15/2025</t>
  </si>
  <si>
    <t>EU000A2SCAE8,EFSF EUROP FIAL STAB LUXEMBOURG,2.375,4/11/2028</t>
  </si>
  <si>
    <t>EU000A2SCAF5,EFSF EUROP FIAL STAB LUXEMBOURG,2.75,8/17/2026</t>
  </si>
  <si>
    <t>EU000A2SCAG3,EFSF EUROP FIAL STAB LUXEMBOURG,2.875,2/16/2033</t>
  </si>
  <si>
    <t>EU000A2SCAH1,EFSF EUROP FIAL STAB LUXEMBOURG,3,12/15/2028</t>
  </si>
  <si>
    <t>EU000A2SCAJ7,EFSF EUROP FIAL STAB LUXEMBOURG,3,7/10/2030</t>
  </si>
  <si>
    <t>EU000A2SCAK5,EFSF EUROP FIAL STAB LUXEMBOURG,3.375,8/30/2038</t>
  </si>
  <si>
    <t>EU000A2SCAL3,EFSF EUROP FIAL STAB LUXEMBOURG,3.5,4/11/2029</t>
  </si>
  <si>
    <t>EU000A2SCAM1,EFSF EUROP FIAL STAB LUXEMBOURG,2.625,7/16/2029</t>
  </si>
  <si>
    <t>EU000A2SCAN9,EFSF EUROP FIAL STAB LUXEMBOURG,2.875,2/13/2034</t>
  </si>
  <si>
    <t>EU000A2SCAP4,EFSF EUROP FIAL STAB LUXEMBOURG,2.875,5/28/2031</t>
  </si>
  <si>
    <t>EU000A3K4C42,EUROPEAN UNION BRUSELLS,0.4,2/4/2037</t>
  </si>
  <si>
    <t>EU000A3K4D09,EUROPEAN UNION BRUSELLS,2.75,12/4/2037</t>
  </si>
  <si>
    <t>EU000A3K4D41,EUROPEAN UNION BRUSELLS,3.25,7/4/2034</t>
  </si>
  <si>
    <t>EU000A3K4D74,EUROPEAN UNION BRUSELLS,3.375,10/4/2038</t>
  </si>
  <si>
    <t>EU000A3K4D82,EUROPEAN UNION BRUSELLS,2.75,10/5/2026</t>
  </si>
  <si>
    <t>EU000A3K4DA4,EUROPEAN UNION BRUSELLS,0.25,10/22/2026</t>
  </si>
  <si>
    <t>EU000A3K4DC0,EUROPEAN UNION BRUSELLS,0.875,3/11/2037</t>
  </si>
  <si>
    <t>EU000A3K4DD8,EUROPEAN UNION BRUSELLS,1,7/6/2032</t>
  </si>
  <si>
    <t>EU000A3K4DE6,EUROPEAN UNION BRUSELLS,1.125,6/4/2037</t>
  </si>
  <si>
    <t>EU000A3K4DG1,EUROPEAN UNION BRUSELLS,1.25,2/4/2043</t>
  </si>
  <si>
    <t>EU000A3K4DM9,EUROPEAN UNION BRUSELLS,2.625,2/4/2048</t>
  </si>
  <si>
    <t>EU000A3K4DS6,EUROPEAN UNION BRUSELLS,2,10/4/2027</t>
  </si>
  <si>
    <t>EU000A3K4DT4,EUROPEAN UNION BRUSELLS,2.5,10/4/2052</t>
  </si>
  <si>
    <t>EU000A3K4DV0,EUROPEAN UNION BRUSELLS,3.375,11/4/2042</t>
  </si>
  <si>
    <t>EU000A3K4DW8,EUROPEAN UNION BRUSELLS,2.75,2/4/2033</t>
  </si>
  <si>
    <t>EU000A3K4DY4,EUROPEAN UNION BRUSELLS,3,3/4/2053</t>
  </si>
  <si>
    <t>EU000A3K4EL9,EUROPEAN UNION BRUSELLS,4,4/4/2044</t>
  </si>
  <si>
    <t>EU000A3K4EN5,EUROPEAN UNION BRUSELLS,3.125,12/5/2028</t>
  </si>
  <si>
    <t>EU000A3K4ES4,EUROPEAN UNION BRUSELLS,3,12/4/2034</t>
  </si>
  <si>
    <t>EU000A3K4EU0,EUROPEAN UNION BRUSELLS,3.25,2/4/2050</t>
  </si>
  <si>
    <t>EU000A3K7MW2,EUROPEAN UNION BRUSELLS,1.625,12/4/2029</t>
  </si>
  <si>
    <t>EU000A3KM903,EUROPEAN UNION BRUSELLS,0.2,6/4/2036</t>
  </si>
  <si>
    <t>EU000A3KNYF7,EUROPEAN UNION BRUSELLS,0,3/4/2026</t>
  </si>
  <si>
    <t>EU000A3KNYG5,EUROPEAN UNION BRUSELLS,0.45,5/2/2046</t>
  </si>
  <si>
    <t>EU000A3KP2Z3,EUROPEAN UNION BRUSELLS,0.25,4/22/2036</t>
  </si>
  <si>
    <t>EU000A3KRJQ6,EUROPEAN UNION BRUSELLS,0,7/4/2029</t>
  </si>
  <si>
    <t>EU000A3KRJR4,EUROPEAN UNION BRUSELLS,0.75,1/4/2047</t>
  </si>
  <si>
    <t>EU000A3KSXE1,EUROPEAN UNION BRUSELLS,0,7/4/2031</t>
  </si>
  <si>
    <t>EU000A3KT6A3,EUROPEAN UNION BRUSELLS,0,4/22/2031</t>
  </si>
  <si>
    <t>EU000A3KT6B1,EUROPEAN UNION BRUSELLS,0.45,7/4/2041</t>
  </si>
  <si>
    <t>EU000A3KTGV8,EUROPEAN UNION BRUSELLS,0,7/6/2026</t>
  </si>
  <si>
    <t>EU000A3KTGW6,EUROPEAN UNION BRUSELLS,0.7,7/6/2051</t>
  </si>
  <si>
    <t>EU000A3KWCF4,EUROPEAN UNION BRUSELLS,0,10/4/2028</t>
  </si>
  <si>
    <t>FR0000186413,FRENCH TREASURY PARIS,3.4,7/25/2029</t>
  </si>
  <si>
    <t>FR0000187635,FRENCH TREASURY PARIS,5.75,10/25/2032</t>
  </si>
  <si>
    <t>FR0000188799,FRENCH TREASURY PARIS,3.15,7/25/2032</t>
  </si>
  <si>
    <t>FR0000571150,FRENCH TREASURY PARIS,6,10/25/2025</t>
  </si>
  <si>
    <t>FR0000571218,FRENCH TREASURY PARIS,5.5,4/25/2029</t>
  </si>
  <si>
    <t>FR0010070060,FRENCH TREASURY PARIS,4.75,4/25/2035</t>
  </si>
  <si>
    <t>FR0010371401,FRENCH TREASURY PARIS,4,10/25/2038</t>
  </si>
  <si>
    <t>FR0010447367,FRENCH TREASURY PARIS,1.8,7/25/2040</t>
  </si>
  <si>
    <t>FR0010773192,FRENCH TREASURY PARIS,4.5,4/25/2041</t>
  </si>
  <si>
    <t>FR0010916924,FRENCH TREASURY PARIS,3.5,4/25/2026</t>
  </si>
  <si>
    <t>FR0011008705,FRENCH TREASURY PARIS,1.85,7/25/2027</t>
  </si>
  <si>
    <t>FR0011192392,CAISSE D'AMORTISSEMENT DE LA DETTE SOCIALE PARIS,4,12/15/2025</t>
  </si>
  <si>
    <t>FR0011317783,FRENCH TREASURY PARIS,2.75,10/25/2027</t>
  </si>
  <si>
    <t>FR0011417591,BPIFRANCE FINANCEMENT PARIS,2.75,10/25/2025</t>
  </si>
  <si>
    <t>FR0011461037,FRENCH TREASURY PARIS,3.25,5/25/2045</t>
  </si>
  <si>
    <t>FR0011883966,FRENCH TREASURY PARIS,2.5,5/25/2030</t>
  </si>
  <si>
    <t>FR0011982776,FRENCH TREASURY PARIS,0.7,7/25/2030</t>
  </si>
  <si>
    <t>FR0012685691,REGION ILE DE FRANCE PARIS,0.625,4/23/2027</t>
  </si>
  <si>
    <t>FR0012792000,BPIFRANCE FINANCEMENT PARIS,1.875,5/25/2030</t>
  </si>
  <si>
    <t>FR0012938116,FRENCH TREASURY PARIS,1,11/25/2025</t>
  </si>
  <si>
    <t>FR0012993103,FRENCH TREASURY PARIS,1.5,5/25/2031</t>
  </si>
  <si>
    <t>FR0013020450,UNEDIC,1.25,10/21/2027</t>
  </si>
  <si>
    <t>FR0013128584,UNEDIC,0.625,3/3/2026</t>
  </si>
  <si>
    <t>FR0013131877,FRENCH TREASURY PARIS,0.5,5/25/2026</t>
  </si>
  <si>
    <t>FR0013144052,VILLE DE PARIS PARIS,1.25,1/12/2032</t>
  </si>
  <si>
    <t>FR0013154044,FRENCH TREASURY PARIS,1.25,5/25/2036</t>
  </si>
  <si>
    <t>FR0013190188,AGENCE FRANCAISE DE DEVPT PARIS,0.25,7/21/2026</t>
  </si>
  <si>
    <t>FR0013190220,BPIFRANCE FINANCEMENT PARIS,0.625,7/22/2031</t>
  </si>
  <si>
    <t>FR0013200813,FRENCH TREASURY PARIS,0.25,11/25/2026</t>
  </si>
  <si>
    <t>FR0013209871,FRENCH TREASURY PARIS,0.1,7/25/2047</t>
  </si>
  <si>
    <t>FR0013232253,BPIFRANCE FINANCEMENT PARIS,0.875,11/25/2026</t>
  </si>
  <si>
    <t>FR0013234333,FRENCH TREASURY PARIS,1.75,6/25/2039</t>
  </si>
  <si>
    <t>FR0013238268,FRENCH TREASURY PARIS,0.1,3/1/2028</t>
  </si>
  <si>
    <t>FR0013246873,UNEDIC,1.25,3/28/2027</t>
  </si>
  <si>
    <t>FR0013250560,FRENCH TREASURY PARIS,1,5/25/2027</t>
  </si>
  <si>
    <t>FR0013252228,UNEDIC,1.5,4/20/2032</t>
  </si>
  <si>
    <t>FR0013256369,BPIFRANCE FINANCEMENT PARIS,1,5/25/2027</t>
  </si>
  <si>
    <t>FR0013257524,FRENCH TREASURY PARIS,2,5/25/2048</t>
  </si>
  <si>
    <t>FR0013266434,AGENCE FRANCAISE DE DEVPT PARIS,1.375,7/5/2032</t>
  </si>
  <si>
    <t>FR0013286192,FRENCH TREASURY PARIS,0.75,5/25/2028</t>
  </si>
  <si>
    <t>FR0013296704,VILLE DE PARIS PARIS,1.375,11/20/2034</t>
  </si>
  <si>
    <t>FR0013312774,AGENCE FRANCAISE DE DEVPT PARIS,1,1/31/2028</t>
  </si>
  <si>
    <t>FR0013313582,FRENCH TREASURY PARIS,1.25,5/25/2034</t>
  </si>
  <si>
    <t>FR0013314036,SFIL STE DE FINANCEMENT LOCAL,0.75,2/6/2026</t>
  </si>
  <si>
    <t>FR0013327491,FRENCH TREASURY PARIS,0.1,7/25/2036</t>
  </si>
  <si>
    <t>FR0013332020,VILLE DE PARIS PARIS,1.45,4/30/2035</t>
  </si>
  <si>
    <t>FR0013336492,UNEDIC,1.25,5/25/2033</t>
  </si>
  <si>
    <t>FR0013341682,FRENCH TREASURY PARIS,0.75,11/25/2028</t>
  </si>
  <si>
    <t>FR0013343340,AGENCE FRANCE LOCALE LYON,1.125,6/20/2028</t>
  </si>
  <si>
    <t>FR0013365269,CAISSE DES DEPOTS ET CONSIGNATIONS,0.75,9/18/2028</t>
  </si>
  <si>
    <t>FR0013365376,AGENCE FRANCAISE DE DEVPT PARIS,0.5,10/31/2025</t>
  </si>
  <si>
    <t>FR0013367604,BPIFRANCE FINANCEMENT PARIS,0.875,9/26/2028</t>
  </si>
  <si>
    <t>FR0013369758,UNEDIC,0.875,5/25/2028</t>
  </si>
  <si>
    <t>FR0013372299,SOCIETE DU GRAND PARIS SAINT-DENIS,1.125,10/22/2028</t>
  </si>
  <si>
    <t>FR0013373065,AGENCE FRANCAISE DE DEVPT PARIS,1.5,10/31/2034</t>
  </si>
  <si>
    <t>FR0013382116,BPIFRANCE FINANCEMENT PARIS,0.625,5/25/2026</t>
  </si>
  <si>
    <t>FR0013404969,FRENCH TREASURY PARIS,1.5,5/25/2050</t>
  </si>
  <si>
    <t>FR0013407236,FRENCH TREASURY PARIS,0.5,5/25/2029</t>
  </si>
  <si>
    <t>FR0013410008,UNEDIC,0.5,3/20/2029</t>
  </si>
  <si>
    <t>FR0013410552,FRENCH TREASURY PARIS,0.1,3/1/2029</t>
  </si>
  <si>
    <t>FR0013422490,AGENCE FRANCE LOCALE LYON,0.125,6/20/2026</t>
  </si>
  <si>
    <t>FR0013431137,AGENCE FRANCAISE DE DEVPT PARIS,0.25,6/29/2029</t>
  </si>
  <si>
    <t>FR0013448776,BPIFRANCE FINANCEMENT PARIS,0.05,9/26/2029</t>
  </si>
  <si>
    <t>FR0013451507,FRENCH TREASURY PARIS,0,11/25/2029</t>
  </si>
  <si>
    <t>FR0013461688,AGENCE FRANCAISE DE DEVPT PARIS,0.5,5/31/2035</t>
  </si>
  <si>
    <t>FR0013480613,FRENCH TREASURY PARIS,0.75,5/25/2052</t>
  </si>
  <si>
    <t>FR0013489259,UNEDIC,0,3/5/2030</t>
  </si>
  <si>
    <t>FR0013507993,AGENCE FRANCAISE DE DEVPT PARIS,0.5,5/25/2030</t>
  </si>
  <si>
    <t>FR0013508470,FRENCH TREASURY PARIS,0,2/25/2026</t>
  </si>
  <si>
    <t>FR0013510724,BPIFRANCE FINANCEMENT PARIS,0.125,2/26/2027</t>
  </si>
  <si>
    <t>FR0013515806,FRENCH TREASURY PARIS,0.5,5/25/2040</t>
  </si>
  <si>
    <t>FR0013516101,BPIFRANCE FINANCEMENT PARIS,0.25,3/29/2030</t>
  </si>
  <si>
    <t>FR0013516549,FRENCH TREASURY PARIS,0,11/25/2030</t>
  </si>
  <si>
    <t>FR0013518487,UNEDIC,0.25,11/25/2029</t>
  </si>
  <si>
    <t>FR0013519253,FRENCH TREASURY PARIS,0.1,3/1/2026</t>
  </si>
  <si>
    <t>FR0013521382,REGION ILE DE FRANCE PARIS,0.1,7/2/2030</t>
  </si>
  <si>
    <t>FR0013523677,AGENCE FRANCE LOCALE LYON,0,9/20/2027</t>
  </si>
  <si>
    <t>FR0013524014,FRENCH TREASURY PARIS,0.1,3/1/2036</t>
  </si>
  <si>
    <t>FR0013524410,UNEDIC,0.25,7/16/2035</t>
  </si>
  <si>
    <t>FR0013534559,CAISSE D'AMORTISSEMENT DE LA DETTE SOCIALE PARIS,0,11/25/2030</t>
  </si>
  <si>
    <t>FR00140002P5,CAISSE D'AMORTISSEMENT DE LA DETTE SOCIALE PARIS,0,2/25/2028</t>
  </si>
  <si>
    <t>FR00140005B8,SOCIETE DU GRAND PARIS SAINT-DENIS,0,11/25/2030</t>
  </si>
  <si>
    <t>FR0014000667,UNEDIC,0,11/25/2028</t>
  </si>
  <si>
    <t>FR0014000AU2,AGENCE FRANCAISE DE DEVPT PARIS,0,10/28/2027</t>
  </si>
  <si>
    <t>FR0014000L31,UNEDIC,0,11/19/2030</t>
  </si>
  <si>
    <t>FR0014000MX1,SFIL STE DE FINANCEMENT LOCAL,0,11/23/2028</t>
  </si>
  <si>
    <t>FR0014000UG9,CAISSE D'AMORTISSEMENT DE LA DETTE SOCIALE PARIS,0,2/25/2026</t>
  </si>
  <si>
    <t>FR0014001LQ5,AGENCE FRANCE LOCALE LYON,0,3/20/2031</t>
  </si>
  <si>
    <t>FR0014001N38,FRENCH TREASURY PARIS,0.1,7/25/2031</t>
  </si>
  <si>
    <t>FR0014001S17,CAISSE D'AMORTISSEMENT DE LA DETTE SOCIALE PARIS,0,5/25/2031</t>
  </si>
  <si>
    <t>FR0014001ZY9,UNEDIC,0.1,5/25/2034</t>
  </si>
  <si>
    <t>FR0014002GB5,AGENCE FRANCAISE DE DEVPT PARIS,0.375,5/25/2036</t>
  </si>
  <si>
    <t>FR0014002GI0,CAISSE D'AMORTISSEMENT DE LA DETTE SOCIALE PARIS,0,5/25/2029</t>
  </si>
  <si>
    <t>FR0014002JM6,FRENCH TREASURY PARIS,0.5,6/25/2044</t>
  </si>
  <si>
    <t>FR0014002P50,UNEDIC,0.01,5/25/2031</t>
  </si>
  <si>
    <t>FR0014002WK3,FRENCH TREASURY PARIS,0,11/25/2031</t>
  </si>
  <si>
    <t>FR0014003067,REGION ILE DE FRANCE PARIS,0,4/20/2028</t>
  </si>
  <si>
    <t>FR0014003513,FRENCH TREASURY PARIS,0,2/25/2027</t>
  </si>
  <si>
    <t>FR0014003C70,BPIFRANCE FINANCEMENT PARIS,0,5/25/2028</t>
  </si>
  <si>
    <t>FR0014003CJ5,SOCIETE DU GRAND PARIS SAINT-DENIS,0.875,5/10/2046</t>
  </si>
  <si>
    <t>FR0014003N51,FRENCH TREASURY PARIS,0.1,3/1/2032</t>
  </si>
  <si>
    <t>FR0014003OB7,Ile-de-France Mobilités,0.95,5/28/2041</t>
  </si>
  <si>
    <t>FR0014003OC5,Ile-de-France Mobilités,0.4,5/28/2031</t>
  </si>
  <si>
    <t>FR0014003S98,SFIL STE DE FINANCEMENT LOCAL,0.05,6/4/2029</t>
  </si>
  <si>
    <t>FR0014003U03,BPIFRANCE FINANCEMENT PARIS,0.25,6/4/2031</t>
  </si>
  <si>
    <t>FR0014003YN1,AGENCE FRANCAISE DE DEVPT PARIS,0.01,11/25/2028</t>
  </si>
  <si>
    <t>FR0014004016,CAISSE D'AMORTISSEMENT DE LA DETTE SOCIALE PARIS,0,11/25/2026</t>
  </si>
  <si>
    <t>FR00140045Z3,UNEDIC,0.5,5/25/2036</t>
  </si>
  <si>
    <t>FR0014004J31,FRENCH TREASURY PARIS,0.75,5/25/2053</t>
  </si>
  <si>
    <t>FR0014004JA7,ACTION LOGEMENT SERVICES SASU,0.75,7/19/2041</t>
  </si>
  <si>
    <t>FR0014004QY2,UNEDIC,0.01,11/25/2031</t>
  </si>
  <si>
    <t>FR00140058G6,SOCIETE DU GRAND PARIS SAINT-DENIS,0.3,9/2/2036</t>
  </si>
  <si>
    <t>FR0014005FC8,CAISSE D'AMORTISSEMENT DE LA DETTE SOCIALE PARIS,0.125,9/15/2031</t>
  </si>
  <si>
    <t>FR0014005NA6,AGENCE FRANCAISE DE DEVPT PARIS,0.125,9/29/2031</t>
  </si>
  <si>
    <t>FR0014005SE7,ACTION LOGEMENT SERVICES SASU,0.375,10/5/2031</t>
  </si>
  <si>
    <t>FR0014006NV0,SOCIETE DU GRAND PARIS SAINT-DENIS,0.3,11/25/2031</t>
  </si>
  <si>
    <t>FR0014006OB0,SOCIETE DU GRAND PARIS SAINT-DENIS,1,11/26/2051</t>
  </si>
  <si>
    <t>FR0014006V25,SFIL STE DE FINANCEMENT LOCAL,0.25,12/1/2031</t>
  </si>
  <si>
    <t>FR0014007L00,FRENCH TREASURY PARIS,0,5/25/2032</t>
  </si>
  <si>
    <t>FR0014007RB1,CAISSE D'AMORTISSEMENT DE LA DETTE SOCIALE PARIS,0.45,1/19/2032</t>
  </si>
  <si>
    <t>FR00140084Y5,BPIFRANCE FINANCEMENT PARIS,0.125,11/25/2028</t>
  </si>
  <si>
    <t>FR0014008CP1,Ile-de-France Mobilités,1.275,2/14/2042</t>
  </si>
  <si>
    <t>FR0014008E81,CAISSE D'AMORTISSEMENT DE LA DETTE SOCIALE PARIS,0.6,11/25/2029</t>
  </si>
  <si>
    <t>FR0014008SA9,AGENCE FRANCAISE DE DEVPT PARIS,1.125,3/2/2037</t>
  </si>
  <si>
    <t>FR0014009O62,FRENCH TREASURY PARIS,1.25,5/25/2038</t>
  </si>
  <si>
    <t>FR001400A3H2,CAISSE D'AMORTISSEMENT DE LA DETTE SOCIALE PARIS,1.5,5/25/2032</t>
  </si>
  <si>
    <t>FR001400A4J6,SFIL STE DE FINANCEMENT LOCAL,1.5,3/5/2032</t>
  </si>
  <si>
    <t>FR001400ADP1,UNEDIC,1.75,11/25/2032</t>
  </si>
  <si>
    <t>FR001400AIN5,FRENCH TREASURY PARIS,0.75,2/25/2028</t>
  </si>
  <si>
    <t>FR001400AQH0,FRENCH TREASURY PARIS,0.1,7/25/2038</t>
  </si>
  <si>
    <t>FR001400BB83,BPIFRANCE FINANCEMENT PARIS,2.125,11/29/2027</t>
  </si>
  <si>
    <t>FR001400BKZ3,FRENCH TREASURY PARIS,2,11/25/2032</t>
  </si>
  <si>
    <t>FR001400CHC6,CAISSE D'AMORTISSEMENT DE LA DETTE SOCIALE PARIS,1.75,11/25/2027</t>
  </si>
  <si>
    <t>FR001400CHQ6,BPIFRANCE FINANCEMENT PARIS,2,9/2/2030</t>
  </si>
  <si>
    <t>FR001400CMX2,FRENCH TREASURY PARIS,2.5,5/25/2043</t>
  </si>
  <si>
    <t>FR001400CVE3,CAISSE D'AMORTISSEMENT DE LA DETTE SOCIALE PARIS,2.75,11/25/2032</t>
  </si>
  <si>
    <t>FR001400D211,SFIL STE DE FINANCEMENT LOCAL,3.25,10/5/2032</t>
  </si>
  <si>
    <t>FR001400DXK4,BPIFRANCE FINANCEMENT PARIS,3,9/10/2026</t>
  </si>
  <si>
    <t>FR001400DZI3,CAISSE D'AMORTISSEMENT DE LA DETTE SOCIALE PARIS,2.875,5/25/2027</t>
  </si>
  <si>
    <t>FR001400F4B8,AGENCE FRANCE LOCALE LYON,3,3/20/2030</t>
  </si>
  <si>
    <t>FR001400F5U5,CAISSE D'AMORTISSEMENT DE LA DETTE SOCIALE PARIS,3,5/25/2028</t>
  </si>
  <si>
    <t>FR001400F7C9,AGENCE FRANCAISE DE DEVPT PARIS,2.875,1/21/2030</t>
  </si>
  <si>
    <t>FR001400F7D7,SFIL STE DE FINANCEMENT LOCAL,2.875,1/18/2028</t>
  </si>
  <si>
    <t>FR001400FKA7,BPIFRANCE FINANCEMENT PARIS,2.875,11/25/2029</t>
  </si>
  <si>
    <t>FR001400FTH3,FRENCH TREASURY PARIS,3,5/25/2054</t>
  </si>
  <si>
    <t>FR001400FTI1,ACTION LOGEMENT SERVICES SASU,3.625,5/25/2043</t>
  </si>
  <si>
    <t>FR001400FYQ4,FRENCH TREASURY PARIS,2.5,9/24/2026</t>
  </si>
  <si>
    <t>FR001400G6E6,CAISSE D'AMORTISSEMENT DE LA DETTE SOCIALE PARIS,3.125,3/1/2030</t>
  </si>
  <si>
    <t>FR001400H7V7,FRENCH TREASURY PARIS,3,5/25/2033</t>
  </si>
  <si>
    <t>FR001400HI98,FRENCH TREASURY PARIS,2.75,2/25/2029</t>
  </si>
  <si>
    <t>FR001400I822,AGENCE FRANCAISE DE DEVPT PARIS,3.375,5/25/2033</t>
  </si>
  <si>
    <t>FR001400IKC7,Ile-de-France Mobilités,3.7,6/14/2038</t>
  </si>
  <si>
    <t>FR001400IVT8,CAISSE D'AMORTISSEMENT DE LA DETTE SOCIALE PARIS,3,11/25/2031</t>
  </si>
  <si>
    <t>FR001400JI88,FRENCH TREASURY PARIS,0.6,7/25/2034</t>
  </si>
  <si>
    <t>FR001400L362,ACTION LOGEMENT SERVICES SASU,4.125,10/3/2038</t>
  </si>
  <si>
    <t>FR001400L834,FRENCH TREASURY PARIS,3.5,11/25/2033</t>
  </si>
  <si>
    <t>FR001400LPZ1,BPIFRANCE FINANCEMENT PARIS,3.5,9/27/2027</t>
  </si>
  <si>
    <t>FR001400N7G0,CAISSE D'AMORTISSEMENT DE LA DETTE SOCIALE PARIS,2.75,2/25/2029</t>
  </si>
  <si>
    <t>FR001400N7K2,AGENCE FRANCAISE DE DEVPT PARIS,3,1/17/2034</t>
  </si>
  <si>
    <t>FR001400NBC6,FRENCH TREASURY PARIS,2.5,9/24/2027</t>
  </si>
  <si>
    <t>FR001400NEF3,FRENCH TREASURY PARIS,3,6/25/2049</t>
  </si>
  <si>
    <t>FR001400NUQ6,SOCIETE DU GRAND PARIS SAINT-DENIS,3.5,6/25/2049</t>
  </si>
  <si>
    <t>FR001400NWK5,CAISSE D'AMORTISSEMENT DE LA DETTE SOCIALE PARIS,2.75,9/24/2027</t>
  </si>
  <si>
    <t>FR001400OHF4,FRENCH TREASURY PARIS,3.25,5/25/2055</t>
  </si>
  <si>
    <t>FR001400OQE8,Ile-de-France Mobilités,3.45,6/25/2049</t>
  </si>
  <si>
    <t>FR001400PM68,FRENCH TREASURY PARIS,2.75,2/25/2030</t>
  </si>
  <si>
    <t>FR001400QCA1,FRENCH TREASURY PARIS,0.95,7/25/2043</t>
  </si>
  <si>
    <t>FR001400QMF9,FRENCH TREASURY PARIS,3,11/25/2034</t>
  </si>
  <si>
    <t>FR001400RH06,BPIFRANCE FINANCEMENT PARIS,3.375,5/25/2034</t>
  </si>
  <si>
    <t>FR001400TUC3,AGENCE FRANCE LOCALE LYON,3,8/20/2032</t>
  </si>
  <si>
    <t>FR0126221896,UNEDIC,0.1,11/25/2026</t>
  </si>
  <si>
    <t>FR0128690726,FRENCH TREASURY PARIS,0,11/5/2025</t>
  </si>
  <si>
    <t>XS0177618039,SNCF RESEAU PARIS,5,10/10/2033</t>
  </si>
  <si>
    <t>XS0611783928,SNCF RESEAU PARIS,4.25,10/7/2026</t>
  </si>
  <si>
    <t>XS0745896000,AGENCE FRANCAISE DE DEVPT PARIS,3.75,2/15/2027</t>
  </si>
  <si>
    <t>XS0866276800,SNCF RESEAU PARIS,3.3,12/18/2042</t>
  </si>
  <si>
    <t>XS0985666436,SNCF RESEAU PARIS,3.125,10/25/2028</t>
  </si>
  <si>
    <t>XS1039826422,SNCF RESEAU PARIS,2.625,12/29/2025</t>
  </si>
  <si>
    <t>XS1072438366,AGENCE FRANCAISE DE DEVPT PARIS,2.25,5/28/2026</t>
  </si>
  <si>
    <t>XS1186684137,SNCF RESEAU PARIS,1.125,5/25/2030</t>
  </si>
  <si>
    <t>XS1207450005,AGENCE FRANCAISE DE DEVPT PARIS,0.875,5/25/2031</t>
  </si>
  <si>
    <t>XS1388864503,SNCF RESEAU PARIS,1.5,5/29/2037</t>
  </si>
  <si>
    <t>XS1514051694,SNCF RESEAU PARIS,1,11/9/2031</t>
  </si>
  <si>
    <t>XS1588061777,SNCF RESEAU PARIS,1.875,3/30/2034</t>
  </si>
  <si>
    <t>XS1615680151,SNCF RESEAU PARIS,1.125,5/19/2027</t>
  </si>
  <si>
    <t>XS1648462023,SNCF RESEAU PARIS,2.25,12/20/2047</t>
  </si>
  <si>
    <t>XS1764691611,SNCF RESEAU PARIS,2,2/5/2048</t>
  </si>
  <si>
    <t>XS2022425024,SNCF RESEAU PARIS,0.75,5/25/203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">
    <xf numFmtId="0" fontId="0" fillId="0" borderId="0" xfId="0"/>
  </cellXfs>
  <cellStyles count="42">
    <cellStyle name="20 % - Accent1" xfId="19" builtinId="30" customBuiltin="1"/>
    <cellStyle name="20 % - Accent2" xfId="23" builtinId="34" customBuiltin="1"/>
    <cellStyle name="20 % - Accent3" xfId="27" builtinId="38" customBuiltin="1"/>
    <cellStyle name="20 % - Accent4" xfId="31" builtinId="42" customBuiltin="1"/>
    <cellStyle name="20 % - Accent5" xfId="35" builtinId="46" customBuiltin="1"/>
    <cellStyle name="20 % - Accent6" xfId="39" builtinId="50" customBuiltin="1"/>
    <cellStyle name="40 % - Accent1" xfId="20" builtinId="31" customBuiltin="1"/>
    <cellStyle name="40 % - Accent2" xfId="24" builtinId="35" customBuiltin="1"/>
    <cellStyle name="40 % - Accent3" xfId="28" builtinId="39" customBuiltin="1"/>
    <cellStyle name="40 % - Accent4" xfId="32" builtinId="43" customBuiltin="1"/>
    <cellStyle name="40 % - Accent5" xfId="36" builtinId="47" customBuiltin="1"/>
    <cellStyle name="40 % - Accent6" xfId="40" builtinId="51" customBuiltin="1"/>
    <cellStyle name="60 % - Accent1" xfId="21" builtinId="32" customBuiltin="1"/>
    <cellStyle name="60 % - Accent2" xfId="25" builtinId="36" customBuiltin="1"/>
    <cellStyle name="60 % - Accent3" xfId="29" builtinId="40" customBuiltin="1"/>
    <cellStyle name="60 % - Accent4" xfId="33" builtinId="44" customBuiltin="1"/>
    <cellStyle name="60 % - Accent5" xfId="37" builtinId="48" customBuiltin="1"/>
    <cellStyle name="60 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Avertissement" xfId="14" builtinId="11" customBuiltin="1"/>
    <cellStyle name="Calcul" xfId="11" builtinId="22" customBuiltin="1"/>
    <cellStyle name="Cellule liée" xfId="12" builtinId="24" customBuiltin="1"/>
    <cellStyle name="Entrée" xfId="9" builtinId="20" customBuiltin="1"/>
    <cellStyle name="Insatisfaisant" xfId="7" builtinId="27" customBuiltin="1"/>
    <cellStyle name="Neutre" xfId="8" builtinId="28" customBuiltin="1"/>
    <cellStyle name="Normal" xfId="0" builtinId="0"/>
    <cellStyle name="Note" xfId="15" builtinId="10" customBuiltin="1"/>
    <cellStyle name="Satisfaisant" xfId="6" builtinId="26" customBuiltin="1"/>
    <cellStyle name="Sortie" xfId="10" builtinId="21" customBuiltin="1"/>
    <cellStyle name="Texte explicatif" xfId="16" builtinId="53" customBuiltin="1"/>
    <cellStyle name="Titre" xfId="1" builtinId="15" customBuiltin="1"/>
    <cellStyle name="Titre 1" xfId="2" builtinId="16" customBuiltin="1"/>
    <cellStyle name="Titre 2" xfId="3" builtinId="17" customBuiltin="1"/>
    <cellStyle name="Titre 3" xfId="4" builtinId="18" customBuiltin="1"/>
    <cellStyle name="Titre 4" xfId="5" builtinId="19" customBuiltin="1"/>
    <cellStyle name="Total" xfId="17" builtinId="25" customBuiltin="1"/>
    <cellStyle name="Vérification" xfId="13" builtinId="23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296"/>
  <sheetViews>
    <sheetView tabSelected="1" workbookViewId="0"/>
  </sheetViews>
  <sheetFormatPr baseColWidth="10" defaultRowHeight="15" x14ac:dyDescent="0.25"/>
  <sheetData>
    <row r="1" spans="1:1" x14ac:dyDescent="0.25">
      <c r="A1" t="s">
        <v>0</v>
      </c>
    </row>
    <row r="2" spans="1:1" x14ac:dyDescent="0.25">
      <c r="A2" t="s">
        <v>1</v>
      </c>
    </row>
    <row r="3" spans="1:1" x14ac:dyDescent="0.25">
      <c r="A3" t="s">
        <v>2</v>
      </c>
    </row>
    <row r="4" spans="1:1" x14ac:dyDescent="0.25">
      <c r="A4" t="s">
        <v>3</v>
      </c>
    </row>
    <row r="5" spans="1:1" x14ac:dyDescent="0.25">
      <c r="A5" t="s">
        <v>4</v>
      </c>
    </row>
    <row r="6" spans="1:1" x14ac:dyDescent="0.25">
      <c r="A6" t="s">
        <v>5</v>
      </c>
    </row>
    <row r="7" spans="1:1" x14ac:dyDescent="0.25">
      <c r="A7" t="s">
        <v>6</v>
      </c>
    </row>
    <row r="8" spans="1:1" x14ac:dyDescent="0.25">
      <c r="A8" t="s">
        <v>7</v>
      </c>
    </row>
    <row r="9" spans="1:1" x14ac:dyDescent="0.25">
      <c r="A9" t="s">
        <v>8</v>
      </c>
    </row>
    <row r="10" spans="1:1" x14ac:dyDescent="0.25">
      <c r="A10" t="s">
        <v>9</v>
      </c>
    </row>
    <row r="11" spans="1:1" x14ac:dyDescent="0.25">
      <c r="A11" t="s">
        <v>10</v>
      </c>
    </row>
    <row r="12" spans="1:1" x14ac:dyDescent="0.25">
      <c r="A12" t="s">
        <v>11</v>
      </c>
    </row>
    <row r="13" spans="1:1" x14ac:dyDescent="0.25">
      <c r="A13" t="s">
        <v>12</v>
      </c>
    </row>
    <row r="14" spans="1:1" x14ac:dyDescent="0.25">
      <c r="A14" t="s">
        <v>13</v>
      </c>
    </row>
    <row r="15" spans="1:1" x14ac:dyDescent="0.25">
      <c r="A15" t="s">
        <v>14</v>
      </c>
    </row>
    <row r="16" spans="1:1" x14ac:dyDescent="0.25">
      <c r="A16" t="s">
        <v>15</v>
      </c>
    </row>
    <row r="17" spans="1:1" x14ac:dyDescent="0.25">
      <c r="A17" t="s">
        <v>16</v>
      </c>
    </row>
    <row r="18" spans="1:1" x14ac:dyDescent="0.25">
      <c r="A18" t="s">
        <v>17</v>
      </c>
    </row>
    <row r="19" spans="1:1" x14ac:dyDescent="0.25">
      <c r="A19" t="s">
        <v>18</v>
      </c>
    </row>
    <row r="20" spans="1:1" x14ac:dyDescent="0.25">
      <c r="A20" t="s">
        <v>19</v>
      </c>
    </row>
    <row r="21" spans="1:1" x14ac:dyDescent="0.25">
      <c r="A21" t="s">
        <v>20</v>
      </c>
    </row>
    <row r="22" spans="1:1" x14ac:dyDescent="0.25">
      <c r="A22" t="s">
        <v>21</v>
      </c>
    </row>
    <row r="23" spans="1:1" x14ac:dyDescent="0.25">
      <c r="A23" t="s">
        <v>22</v>
      </c>
    </row>
    <row r="24" spans="1:1" x14ac:dyDescent="0.25">
      <c r="A24" t="s">
        <v>23</v>
      </c>
    </row>
    <row r="25" spans="1:1" x14ac:dyDescent="0.25">
      <c r="A25" t="s">
        <v>24</v>
      </c>
    </row>
    <row r="26" spans="1:1" x14ac:dyDescent="0.25">
      <c r="A26" t="s">
        <v>25</v>
      </c>
    </row>
    <row r="27" spans="1:1" x14ac:dyDescent="0.25">
      <c r="A27" t="s">
        <v>26</v>
      </c>
    </row>
    <row r="28" spans="1:1" x14ac:dyDescent="0.25">
      <c r="A28" t="s">
        <v>27</v>
      </c>
    </row>
    <row r="29" spans="1:1" x14ac:dyDescent="0.25">
      <c r="A29" t="s">
        <v>28</v>
      </c>
    </row>
    <row r="30" spans="1:1" x14ac:dyDescent="0.25">
      <c r="A30" t="s">
        <v>29</v>
      </c>
    </row>
    <row r="31" spans="1:1" x14ac:dyDescent="0.25">
      <c r="A31" t="s">
        <v>30</v>
      </c>
    </row>
    <row r="32" spans="1:1" x14ac:dyDescent="0.25">
      <c r="A32" t="s">
        <v>31</v>
      </c>
    </row>
    <row r="33" spans="1:1" x14ac:dyDescent="0.25">
      <c r="A33" t="s">
        <v>32</v>
      </c>
    </row>
    <row r="34" spans="1:1" x14ac:dyDescent="0.25">
      <c r="A34" t="s">
        <v>33</v>
      </c>
    </row>
    <row r="35" spans="1:1" x14ac:dyDescent="0.25">
      <c r="A35" t="s">
        <v>34</v>
      </c>
    </row>
    <row r="36" spans="1:1" x14ac:dyDescent="0.25">
      <c r="A36" t="s">
        <v>35</v>
      </c>
    </row>
    <row r="37" spans="1:1" x14ac:dyDescent="0.25">
      <c r="A37" t="s">
        <v>36</v>
      </c>
    </row>
    <row r="38" spans="1:1" x14ac:dyDescent="0.25">
      <c r="A38" t="s">
        <v>37</v>
      </c>
    </row>
    <row r="39" spans="1:1" x14ac:dyDescent="0.25">
      <c r="A39" t="s">
        <v>38</v>
      </c>
    </row>
    <row r="40" spans="1:1" x14ac:dyDescent="0.25">
      <c r="A40" t="s">
        <v>39</v>
      </c>
    </row>
    <row r="41" spans="1:1" x14ac:dyDescent="0.25">
      <c r="A41" t="s">
        <v>40</v>
      </c>
    </row>
    <row r="42" spans="1:1" x14ac:dyDescent="0.25">
      <c r="A42" t="s">
        <v>41</v>
      </c>
    </row>
    <row r="43" spans="1:1" x14ac:dyDescent="0.25">
      <c r="A43" t="s">
        <v>42</v>
      </c>
    </row>
    <row r="44" spans="1:1" x14ac:dyDescent="0.25">
      <c r="A44" t="s">
        <v>43</v>
      </c>
    </row>
    <row r="45" spans="1:1" x14ac:dyDescent="0.25">
      <c r="A45" t="s">
        <v>44</v>
      </c>
    </row>
    <row r="46" spans="1:1" x14ac:dyDescent="0.25">
      <c r="A46" t="s">
        <v>45</v>
      </c>
    </row>
    <row r="47" spans="1:1" x14ac:dyDescent="0.25">
      <c r="A47" t="s">
        <v>46</v>
      </c>
    </row>
    <row r="48" spans="1:1" x14ac:dyDescent="0.25">
      <c r="A48" t="s">
        <v>47</v>
      </c>
    </row>
    <row r="49" spans="1:1" x14ac:dyDescent="0.25">
      <c r="A49" t="s">
        <v>48</v>
      </c>
    </row>
    <row r="50" spans="1:1" x14ac:dyDescent="0.25">
      <c r="A50" t="s">
        <v>49</v>
      </c>
    </row>
    <row r="51" spans="1:1" x14ac:dyDescent="0.25">
      <c r="A51" t="s">
        <v>50</v>
      </c>
    </row>
    <row r="52" spans="1:1" x14ac:dyDescent="0.25">
      <c r="A52" t="s">
        <v>51</v>
      </c>
    </row>
    <row r="53" spans="1:1" x14ac:dyDescent="0.25">
      <c r="A53" t="s">
        <v>52</v>
      </c>
    </row>
    <row r="54" spans="1:1" x14ac:dyDescent="0.25">
      <c r="A54" t="s">
        <v>53</v>
      </c>
    </row>
    <row r="55" spans="1:1" x14ac:dyDescent="0.25">
      <c r="A55" t="s">
        <v>54</v>
      </c>
    </row>
    <row r="56" spans="1:1" x14ac:dyDescent="0.25">
      <c r="A56" t="s">
        <v>55</v>
      </c>
    </row>
    <row r="57" spans="1:1" x14ac:dyDescent="0.25">
      <c r="A57" t="s">
        <v>56</v>
      </c>
    </row>
    <row r="58" spans="1:1" x14ac:dyDescent="0.25">
      <c r="A58" t="s">
        <v>57</v>
      </c>
    </row>
    <row r="59" spans="1:1" x14ac:dyDescent="0.25">
      <c r="A59" t="s">
        <v>58</v>
      </c>
    </row>
    <row r="60" spans="1:1" x14ac:dyDescent="0.25">
      <c r="A60" t="s">
        <v>59</v>
      </c>
    </row>
    <row r="61" spans="1:1" x14ac:dyDescent="0.25">
      <c r="A61" t="s">
        <v>60</v>
      </c>
    </row>
    <row r="62" spans="1:1" x14ac:dyDescent="0.25">
      <c r="A62" t="s">
        <v>61</v>
      </c>
    </row>
    <row r="63" spans="1:1" x14ac:dyDescent="0.25">
      <c r="A63" t="s">
        <v>62</v>
      </c>
    </row>
    <row r="64" spans="1:1" x14ac:dyDescent="0.25">
      <c r="A64" t="s">
        <v>63</v>
      </c>
    </row>
    <row r="65" spans="1:1" x14ac:dyDescent="0.25">
      <c r="A65" t="s">
        <v>64</v>
      </c>
    </row>
    <row r="66" spans="1:1" x14ac:dyDescent="0.25">
      <c r="A66" t="s">
        <v>65</v>
      </c>
    </row>
    <row r="67" spans="1:1" x14ac:dyDescent="0.25">
      <c r="A67" t="s">
        <v>66</v>
      </c>
    </row>
    <row r="68" spans="1:1" x14ac:dyDescent="0.25">
      <c r="A68" t="s">
        <v>67</v>
      </c>
    </row>
    <row r="69" spans="1:1" x14ac:dyDescent="0.25">
      <c r="A69" t="s">
        <v>68</v>
      </c>
    </row>
    <row r="70" spans="1:1" x14ac:dyDescent="0.25">
      <c r="A70" t="s">
        <v>69</v>
      </c>
    </row>
    <row r="71" spans="1:1" x14ac:dyDescent="0.25">
      <c r="A71" t="s">
        <v>70</v>
      </c>
    </row>
    <row r="72" spans="1:1" x14ac:dyDescent="0.25">
      <c r="A72" t="s">
        <v>71</v>
      </c>
    </row>
    <row r="73" spans="1:1" x14ac:dyDescent="0.25">
      <c r="A73" t="s">
        <v>72</v>
      </c>
    </row>
    <row r="74" spans="1:1" x14ac:dyDescent="0.25">
      <c r="A74" t="s">
        <v>73</v>
      </c>
    </row>
    <row r="75" spans="1:1" x14ac:dyDescent="0.25">
      <c r="A75" t="s">
        <v>74</v>
      </c>
    </row>
    <row r="76" spans="1:1" x14ac:dyDescent="0.25">
      <c r="A76" t="s">
        <v>75</v>
      </c>
    </row>
    <row r="77" spans="1:1" x14ac:dyDescent="0.25">
      <c r="A77" t="s">
        <v>76</v>
      </c>
    </row>
    <row r="78" spans="1:1" x14ac:dyDescent="0.25">
      <c r="A78" t="s">
        <v>77</v>
      </c>
    </row>
    <row r="79" spans="1:1" x14ac:dyDescent="0.25">
      <c r="A79" t="s">
        <v>78</v>
      </c>
    </row>
    <row r="80" spans="1:1" x14ac:dyDescent="0.25">
      <c r="A80" t="s">
        <v>79</v>
      </c>
    </row>
    <row r="81" spans="1:1" x14ac:dyDescent="0.25">
      <c r="A81" t="s">
        <v>80</v>
      </c>
    </row>
    <row r="82" spans="1:1" x14ac:dyDescent="0.25">
      <c r="A82" t="s">
        <v>81</v>
      </c>
    </row>
    <row r="83" spans="1:1" x14ac:dyDescent="0.25">
      <c r="A83" t="s">
        <v>82</v>
      </c>
    </row>
    <row r="84" spans="1:1" x14ac:dyDescent="0.25">
      <c r="A84" t="s">
        <v>83</v>
      </c>
    </row>
    <row r="85" spans="1:1" x14ac:dyDescent="0.25">
      <c r="A85" t="s">
        <v>84</v>
      </c>
    </row>
    <row r="86" spans="1:1" x14ac:dyDescent="0.25">
      <c r="A86" t="s">
        <v>85</v>
      </c>
    </row>
    <row r="87" spans="1:1" x14ac:dyDescent="0.25">
      <c r="A87" t="s">
        <v>86</v>
      </c>
    </row>
    <row r="88" spans="1:1" x14ac:dyDescent="0.25">
      <c r="A88" t="s">
        <v>87</v>
      </c>
    </row>
    <row r="89" spans="1:1" x14ac:dyDescent="0.25">
      <c r="A89" t="s">
        <v>88</v>
      </c>
    </row>
    <row r="90" spans="1:1" x14ac:dyDescent="0.25">
      <c r="A90" t="s">
        <v>89</v>
      </c>
    </row>
    <row r="91" spans="1:1" x14ac:dyDescent="0.25">
      <c r="A91" t="s">
        <v>90</v>
      </c>
    </row>
    <row r="92" spans="1:1" x14ac:dyDescent="0.25">
      <c r="A92" t="s">
        <v>91</v>
      </c>
    </row>
    <row r="93" spans="1:1" x14ac:dyDescent="0.25">
      <c r="A93" t="s">
        <v>92</v>
      </c>
    </row>
    <row r="94" spans="1:1" x14ac:dyDescent="0.25">
      <c r="A94" t="s">
        <v>93</v>
      </c>
    </row>
    <row r="95" spans="1:1" x14ac:dyDescent="0.25">
      <c r="A95" t="s">
        <v>94</v>
      </c>
    </row>
    <row r="96" spans="1:1" x14ac:dyDescent="0.25">
      <c r="A96" t="s">
        <v>95</v>
      </c>
    </row>
    <row r="97" spans="1:1" x14ac:dyDescent="0.25">
      <c r="A97" t="s">
        <v>96</v>
      </c>
    </row>
    <row r="98" spans="1:1" x14ac:dyDescent="0.25">
      <c r="A98" t="s">
        <v>97</v>
      </c>
    </row>
    <row r="99" spans="1:1" x14ac:dyDescent="0.25">
      <c r="A99" t="s">
        <v>98</v>
      </c>
    </row>
    <row r="100" spans="1:1" x14ac:dyDescent="0.25">
      <c r="A100" t="s">
        <v>99</v>
      </c>
    </row>
    <row r="101" spans="1:1" x14ac:dyDescent="0.25">
      <c r="A101" t="s">
        <v>100</v>
      </c>
    </row>
    <row r="102" spans="1:1" x14ac:dyDescent="0.25">
      <c r="A102" t="s">
        <v>101</v>
      </c>
    </row>
    <row r="103" spans="1:1" x14ac:dyDescent="0.25">
      <c r="A103" t="s">
        <v>102</v>
      </c>
    </row>
    <row r="104" spans="1:1" x14ac:dyDescent="0.25">
      <c r="A104" t="s">
        <v>103</v>
      </c>
    </row>
    <row r="105" spans="1:1" x14ac:dyDescent="0.25">
      <c r="A105" t="s">
        <v>104</v>
      </c>
    </row>
    <row r="106" spans="1:1" x14ac:dyDescent="0.25">
      <c r="A106" t="s">
        <v>105</v>
      </c>
    </row>
    <row r="107" spans="1:1" x14ac:dyDescent="0.25">
      <c r="A107" t="s">
        <v>106</v>
      </c>
    </row>
    <row r="108" spans="1:1" x14ac:dyDescent="0.25">
      <c r="A108" t="s">
        <v>107</v>
      </c>
    </row>
    <row r="109" spans="1:1" x14ac:dyDescent="0.25">
      <c r="A109" t="s">
        <v>108</v>
      </c>
    </row>
    <row r="110" spans="1:1" x14ac:dyDescent="0.25">
      <c r="A110" t="s">
        <v>109</v>
      </c>
    </row>
    <row r="111" spans="1:1" x14ac:dyDescent="0.25">
      <c r="A111" t="s">
        <v>110</v>
      </c>
    </row>
    <row r="112" spans="1:1" x14ac:dyDescent="0.25">
      <c r="A112" t="s">
        <v>111</v>
      </c>
    </row>
    <row r="113" spans="1:1" x14ac:dyDescent="0.25">
      <c r="A113" t="s">
        <v>112</v>
      </c>
    </row>
    <row r="114" spans="1:1" x14ac:dyDescent="0.25">
      <c r="A114" t="s">
        <v>113</v>
      </c>
    </row>
    <row r="115" spans="1:1" x14ac:dyDescent="0.25">
      <c r="A115" t="s">
        <v>114</v>
      </c>
    </row>
    <row r="116" spans="1:1" x14ac:dyDescent="0.25">
      <c r="A116" t="s">
        <v>115</v>
      </c>
    </row>
    <row r="117" spans="1:1" x14ac:dyDescent="0.25">
      <c r="A117" t="s">
        <v>116</v>
      </c>
    </row>
    <row r="118" spans="1:1" x14ac:dyDescent="0.25">
      <c r="A118" t="s">
        <v>117</v>
      </c>
    </row>
    <row r="119" spans="1:1" x14ac:dyDescent="0.25">
      <c r="A119" t="s">
        <v>118</v>
      </c>
    </row>
    <row r="120" spans="1:1" x14ac:dyDescent="0.25">
      <c r="A120" t="s">
        <v>119</v>
      </c>
    </row>
    <row r="121" spans="1:1" x14ac:dyDescent="0.25">
      <c r="A121" t="s">
        <v>120</v>
      </c>
    </row>
    <row r="122" spans="1:1" x14ac:dyDescent="0.25">
      <c r="A122" t="s">
        <v>121</v>
      </c>
    </row>
    <row r="123" spans="1:1" x14ac:dyDescent="0.25">
      <c r="A123" t="s">
        <v>122</v>
      </c>
    </row>
    <row r="124" spans="1:1" x14ac:dyDescent="0.25">
      <c r="A124" t="s">
        <v>123</v>
      </c>
    </row>
    <row r="125" spans="1:1" x14ac:dyDescent="0.25">
      <c r="A125" t="s">
        <v>124</v>
      </c>
    </row>
    <row r="126" spans="1:1" x14ac:dyDescent="0.25">
      <c r="A126" t="s">
        <v>125</v>
      </c>
    </row>
    <row r="127" spans="1:1" x14ac:dyDescent="0.25">
      <c r="A127" t="s">
        <v>126</v>
      </c>
    </row>
    <row r="128" spans="1:1" x14ac:dyDescent="0.25">
      <c r="A128" t="s">
        <v>127</v>
      </c>
    </row>
    <row r="129" spans="1:1" x14ac:dyDescent="0.25">
      <c r="A129" t="s">
        <v>128</v>
      </c>
    </row>
    <row r="130" spans="1:1" x14ac:dyDescent="0.25">
      <c r="A130" t="s">
        <v>129</v>
      </c>
    </row>
    <row r="131" spans="1:1" x14ac:dyDescent="0.25">
      <c r="A131" t="s">
        <v>130</v>
      </c>
    </row>
    <row r="132" spans="1:1" x14ac:dyDescent="0.25">
      <c r="A132" t="s">
        <v>131</v>
      </c>
    </row>
    <row r="133" spans="1:1" x14ac:dyDescent="0.25">
      <c r="A133" t="s">
        <v>132</v>
      </c>
    </row>
    <row r="134" spans="1:1" x14ac:dyDescent="0.25">
      <c r="A134" t="s">
        <v>133</v>
      </c>
    </row>
    <row r="135" spans="1:1" x14ac:dyDescent="0.25">
      <c r="A135" t="s">
        <v>134</v>
      </c>
    </row>
    <row r="136" spans="1:1" x14ac:dyDescent="0.25">
      <c r="A136" t="s">
        <v>135</v>
      </c>
    </row>
    <row r="137" spans="1:1" x14ac:dyDescent="0.25">
      <c r="A137" t="s">
        <v>136</v>
      </c>
    </row>
    <row r="138" spans="1:1" x14ac:dyDescent="0.25">
      <c r="A138" t="s">
        <v>137</v>
      </c>
    </row>
    <row r="139" spans="1:1" x14ac:dyDescent="0.25">
      <c r="A139" t="s">
        <v>138</v>
      </c>
    </row>
    <row r="140" spans="1:1" x14ac:dyDescent="0.25">
      <c r="A140" t="s">
        <v>139</v>
      </c>
    </row>
    <row r="141" spans="1:1" x14ac:dyDescent="0.25">
      <c r="A141" t="s">
        <v>140</v>
      </c>
    </row>
    <row r="142" spans="1:1" x14ac:dyDescent="0.25">
      <c r="A142" t="s">
        <v>141</v>
      </c>
    </row>
    <row r="143" spans="1:1" x14ac:dyDescent="0.25">
      <c r="A143" t="s">
        <v>142</v>
      </c>
    </row>
    <row r="144" spans="1:1" x14ac:dyDescent="0.25">
      <c r="A144" t="s">
        <v>143</v>
      </c>
    </row>
    <row r="145" spans="1:1" x14ac:dyDescent="0.25">
      <c r="A145" t="s">
        <v>144</v>
      </c>
    </row>
    <row r="146" spans="1:1" x14ac:dyDescent="0.25">
      <c r="A146" t="s">
        <v>145</v>
      </c>
    </row>
    <row r="147" spans="1:1" x14ac:dyDescent="0.25">
      <c r="A147" t="s">
        <v>146</v>
      </c>
    </row>
    <row r="148" spans="1:1" x14ac:dyDescent="0.25">
      <c r="A148" t="s">
        <v>147</v>
      </c>
    </row>
    <row r="149" spans="1:1" x14ac:dyDescent="0.25">
      <c r="A149" t="s">
        <v>148</v>
      </c>
    </row>
    <row r="150" spans="1:1" x14ac:dyDescent="0.25">
      <c r="A150" t="s">
        <v>149</v>
      </c>
    </row>
    <row r="151" spans="1:1" x14ac:dyDescent="0.25">
      <c r="A151" t="s">
        <v>150</v>
      </c>
    </row>
    <row r="152" spans="1:1" x14ac:dyDescent="0.25">
      <c r="A152" t="s">
        <v>151</v>
      </c>
    </row>
    <row r="153" spans="1:1" x14ac:dyDescent="0.25">
      <c r="A153" t="s">
        <v>152</v>
      </c>
    </row>
    <row r="154" spans="1:1" x14ac:dyDescent="0.25">
      <c r="A154" t="s">
        <v>153</v>
      </c>
    </row>
    <row r="155" spans="1:1" x14ac:dyDescent="0.25">
      <c r="A155" t="s">
        <v>154</v>
      </c>
    </row>
    <row r="156" spans="1:1" x14ac:dyDescent="0.25">
      <c r="A156" t="s">
        <v>155</v>
      </c>
    </row>
    <row r="157" spans="1:1" x14ac:dyDescent="0.25">
      <c r="A157" t="s">
        <v>156</v>
      </c>
    </row>
    <row r="158" spans="1:1" x14ac:dyDescent="0.25">
      <c r="A158" t="s">
        <v>157</v>
      </c>
    </row>
    <row r="159" spans="1:1" x14ac:dyDescent="0.25">
      <c r="A159" t="s">
        <v>158</v>
      </c>
    </row>
    <row r="160" spans="1:1" x14ac:dyDescent="0.25">
      <c r="A160" t="s">
        <v>159</v>
      </c>
    </row>
    <row r="161" spans="1:1" x14ac:dyDescent="0.25">
      <c r="A161" t="s">
        <v>160</v>
      </c>
    </row>
    <row r="162" spans="1:1" x14ac:dyDescent="0.25">
      <c r="A162" t="s">
        <v>161</v>
      </c>
    </row>
    <row r="163" spans="1:1" x14ac:dyDescent="0.25">
      <c r="A163" t="s">
        <v>162</v>
      </c>
    </row>
    <row r="164" spans="1:1" x14ac:dyDescent="0.25">
      <c r="A164" t="s">
        <v>163</v>
      </c>
    </row>
    <row r="165" spans="1:1" x14ac:dyDescent="0.25">
      <c r="A165" t="s">
        <v>164</v>
      </c>
    </row>
    <row r="166" spans="1:1" x14ac:dyDescent="0.25">
      <c r="A166" t="s">
        <v>165</v>
      </c>
    </row>
    <row r="167" spans="1:1" x14ac:dyDescent="0.25">
      <c r="A167" t="s">
        <v>166</v>
      </c>
    </row>
    <row r="168" spans="1:1" x14ac:dyDescent="0.25">
      <c r="A168" t="s">
        <v>167</v>
      </c>
    </row>
    <row r="169" spans="1:1" x14ac:dyDescent="0.25">
      <c r="A169" t="s">
        <v>168</v>
      </c>
    </row>
    <row r="170" spans="1:1" x14ac:dyDescent="0.25">
      <c r="A170" t="s">
        <v>169</v>
      </c>
    </row>
    <row r="171" spans="1:1" x14ac:dyDescent="0.25">
      <c r="A171" t="s">
        <v>170</v>
      </c>
    </row>
    <row r="172" spans="1:1" x14ac:dyDescent="0.25">
      <c r="A172" t="s">
        <v>171</v>
      </c>
    </row>
    <row r="173" spans="1:1" x14ac:dyDescent="0.25">
      <c r="A173" t="s">
        <v>172</v>
      </c>
    </row>
    <row r="174" spans="1:1" x14ac:dyDescent="0.25">
      <c r="A174" t="s">
        <v>173</v>
      </c>
    </row>
    <row r="175" spans="1:1" x14ac:dyDescent="0.25">
      <c r="A175" t="s">
        <v>174</v>
      </c>
    </row>
    <row r="176" spans="1:1" x14ac:dyDescent="0.25">
      <c r="A176" t="s">
        <v>175</v>
      </c>
    </row>
    <row r="177" spans="1:1" x14ac:dyDescent="0.25">
      <c r="A177" t="s">
        <v>176</v>
      </c>
    </row>
    <row r="178" spans="1:1" x14ac:dyDescent="0.25">
      <c r="A178" t="s">
        <v>177</v>
      </c>
    </row>
    <row r="179" spans="1:1" x14ac:dyDescent="0.25">
      <c r="A179" t="s">
        <v>178</v>
      </c>
    </row>
    <row r="180" spans="1:1" x14ac:dyDescent="0.25">
      <c r="A180" t="s">
        <v>179</v>
      </c>
    </row>
    <row r="181" spans="1:1" x14ac:dyDescent="0.25">
      <c r="A181" t="s">
        <v>180</v>
      </c>
    </row>
    <row r="182" spans="1:1" x14ac:dyDescent="0.25">
      <c r="A182" t="s">
        <v>181</v>
      </c>
    </row>
    <row r="183" spans="1:1" x14ac:dyDescent="0.25">
      <c r="A183" t="s">
        <v>182</v>
      </c>
    </row>
    <row r="184" spans="1:1" x14ac:dyDescent="0.25">
      <c r="A184" t="s">
        <v>183</v>
      </c>
    </row>
    <row r="185" spans="1:1" x14ac:dyDescent="0.25">
      <c r="A185" t="s">
        <v>184</v>
      </c>
    </row>
    <row r="186" spans="1:1" x14ac:dyDescent="0.25">
      <c r="A186" t="s">
        <v>185</v>
      </c>
    </row>
    <row r="187" spans="1:1" x14ac:dyDescent="0.25">
      <c r="A187" t="s">
        <v>186</v>
      </c>
    </row>
    <row r="188" spans="1:1" x14ac:dyDescent="0.25">
      <c r="A188" t="s">
        <v>187</v>
      </c>
    </row>
    <row r="189" spans="1:1" x14ac:dyDescent="0.25">
      <c r="A189" t="s">
        <v>188</v>
      </c>
    </row>
    <row r="190" spans="1:1" x14ac:dyDescent="0.25">
      <c r="A190" t="s">
        <v>189</v>
      </c>
    </row>
    <row r="191" spans="1:1" x14ac:dyDescent="0.25">
      <c r="A191" t="s">
        <v>190</v>
      </c>
    </row>
    <row r="192" spans="1:1" x14ac:dyDescent="0.25">
      <c r="A192" t="s">
        <v>191</v>
      </c>
    </row>
    <row r="193" spans="1:1" x14ac:dyDescent="0.25">
      <c r="A193" t="s">
        <v>192</v>
      </c>
    </row>
    <row r="194" spans="1:1" x14ac:dyDescent="0.25">
      <c r="A194" t="s">
        <v>193</v>
      </c>
    </row>
    <row r="195" spans="1:1" x14ac:dyDescent="0.25">
      <c r="A195" t="s">
        <v>194</v>
      </c>
    </row>
    <row r="196" spans="1:1" x14ac:dyDescent="0.25">
      <c r="A196" t="s">
        <v>195</v>
      </c>
    </row>
    <row r="197" spans="1:1" x14ac:dyDescent="0.25">
      <c r="A197" t="s">
        <v>196</v>
      </c>
    </row>
    <row r="198" spans="1:1" x14ac:dyDescent="0.25">
      <c r="A198" t="s">
        <v>197</v>
      </c>
    </row>
    <row r="199" spans="1:1" x14ac:dyDescent="0.25">
      <c r="A199" t="s">
        <v>198</v>
      </c>
    </row>
    <row r="200" spans="1:1" x14ac:dyDescent="0.25">
      <c r="A200" t="s">
        <v>199</v>
      </c>
    </row>
    <row r="201" spans="1:1" x14ac:dyDescent="0.25">
      <c r="A201" t="s">
        <v>200</v>
      </c>
    </row>
    <row r="202" spans="1:1" x14ac:dyDescent="0.25">
      <c r="A202" t="s">
        <v>201</v>
      </c>
    </row>
    <row r="203" spans="1:1" x14ac:dyDescent="0.25">
      <c r="A203" t="s">
        <v>202</v>
      </c>
    </row>
    <row r="204" spans="1:1" x14ac:dyDescent="0.25">
      <c r="A204" t="s">
        <v>203</v>
      </c>
    </row>
    <row r="205" spans="1:1" x14ac:dyDescent="0.25">
      <c r="A205" t="s">
        <v>204</v>
      </c>
    </row>
    <row r="206" spans="1:1" x14ac:dyDescent="0.25">
      <c r="A206" t="s">
        <v>205</v>
      </c>
    </row>
    <row r="207" spans="1:1" x14ac:dyDescent="0.25">
      <c r="A207" t="s">
        <v>206</v>
      </c>
    </row>
    <row r="208" spans="1:1" x14ac:dyDescent="0.25">
      <c r="A208" t="s">
        <v>207</v>
      </c>
    </row>
    <row r="209" spans="1:1" x14ac:dyDescent="0.25">
      <c r="A209" t="s">
        <v>208</v>
      </c>
    </row>
    <row r="210" spans="1:1" x14ac:dyDescent="0.25">
      <c r="A210" t="s">
        <v>209</v>
      </c>
    </row>
    <row r="211" spans="1:1" x14ac:dyDescent="0.25">
      <c r="A211" t="s">
        <v>210</v>
      </c>
    </row>
    <row r="212" spans="1:1" x14ac:dyDescent="0.25">
      <c r="A212" t="s">
        <v>211</v>
      </c>
    </row>
    <row r="213" spans="1:1" x14ac:dyDescent="0.25">
      <c r="A213" t="s">
        <v>212</v>
      </c>
    </row>
    <row r="214" spans="1:1" x14ac:dyDescent="0.25">
      <c r="A214" t="s">
        <v>213</v>
      </c>
    </row>
    <row r="215" spans="1:1" x14ac:dyDescent="0.25">
      <c r="A215" t="s">
        <v>214</v>
      </c>
    </row>
    <row r="216" spans="1:1" x14ac:dyDescent="0.25">
      <c r="A216" t="s">
        <v>215</v>
      </c>
    </row>
    <row r="217" spans="1:1" x14ac:dyDescent="0.25">
      <c r="A217" t="s">
        <v>216</v>
      </c>
    </row>
    <row r="218" spans="1:1" x14ac:dyDescent="0.25">
      <c r="A218" t="s">
        <v>217</v>
      </c>
    </row>
    <row r="219" spans="1:1" x14ac:dyDescent="0.25">
      <c r="A219" t="s">
        <v>218</v>
      </c>
    </row>
    <row r="220" spans="1:1" x14ac:dyDescent="0.25">
      <c r="A220" t="s">
        <v>219</v>
      </c>
    </row>
    <row r="221" spans="1:1" x14ac:dyDescent="0.25">
      <c r="A221" t="s">
        <v>220</v>
      </c>
    </row>
    <row r="222" spans="1:1" x14ac:dyDescent="0.25">
      <c r="A222" t="s">
        <v>221</v>
      </c>
    </row>
    <row r="223" spans="1:1" x14ac:dyDescent="0.25">
      <c r="A223" t="s">
        <v>222</v>
      </c>
    </row>
    <row r="224" spans="1:1" x14ac:dyDescent="0.25">
      <c r="A224" t="s">
        <v>223</v>
      </c>
    </row>
    <row r="225" spans="1:1" x14ac:dyDescent="0.25">
      <c r="A225" t="s">
        <v>224</v>
      </c>
    </row>
    <row r="226" spans="1:1" x14ac:dyDescent="0.25">
      <c r="A226" t="s">
        <v>225</v>
      </c>
    </row>
    <row r="227" spans="1:1" x14ac:dyDescent="0.25">
      <c r="A227" t="s">
        <v>226</v>
      </c>
    </row>
    <row r="228" spans="1:1" x14ac:dyDescent="0.25">
      <c r="A228" t="s">
        <v>227</v>
      </c>
    </row>
    <row r="229" spans="1:1" x14ac:dyDescent="0.25">
      <c r="A229" t="s">
        <v>228</v>
      </c>
    </row>
    <row r="230" spans="1:1" x14ac:dyDescent="0.25">
      <c r="A230" t="s">
        <v>229</v>
      </c>
    </row>
    <row r="231" spans="1:1" x14ac:dyDescent="0.25">
      <c r="A231" t="s">
        <v>230</v>
      </c>
    </row>
    <row r="232" spans="1:1" x14ac:dyDescent="0.25">
      <c r="A232" t="s">
        <v>231</v>
      </c>
    </row>
    <row r="233" spans="1:1" x14ac:dyDescent="0.25">
      <c r="A233" t="s">
        <v>232</v>
      </c>
    </row>
    <row r="234" spans="1:1" x14ac:dyDescent="0.25">
      <c r="A234" t="s">
        <v>233</v>
      </c>
    </row>
    <row r="235" spans="1:1" x14ac:dyDescent="0.25">
      <c r="A235" t="s">
        <v>234</v>
      </c>
    </row>
    <row r="236" spans="1:1" x14ac:dyDescent="0.25">
      <c r="A236" t="s">
        <v>235</v>
      </c>
    </row>
    <row r="237" spans="1:1" x14ac:dyDescent="0.25">
      <c r="A237" t="s">
        <v>236</v>
      </c>
    </row>
    <row r="238" spans="1:1" x14ac:dyDescent="0.25">
      <c r="A238" t="s">
        <v>237</v>
      </c>
    </row>
    <row r="239" spans="1:1" x14ac:dyDescent="0.25">
      <c r="A239" t="s">
        <v>238</v>
      </c>
    </row>
    <row r="240" spans="1:1" x14ac:dyDescent="0.25">
      <c r="A240" t="s">
        <v>239</v>
      </c>
    </row>
    <row r="241" spans="1:1" x14ac:dyDescent="0.25">
      <c r="A241" t="s">
        <v>240</v>
      </c>
    </row>
    <row r="242" spans="1:1" x14ac:dyDescent="0.25">
      <c r="A242" t="s">
        <v>241</v>
      </c>
    </row>
    <row r="243" spans="1:1" x14ac:dyDescent="0.25">
      <c r="A243" t="s">
        <v>242</v>
      </c>
    </row>
    <row r="244" spans="1:1" x14ac:dyDescent="0.25">
      <c r="A244" t="s">
        <v>243</v>
      </c>
    </row>
    <row r="245" spans="1:1" x14ac:dyDescent="0.25">
      <c r="A245" t="s">
        <v>244</v>
      </c>
    </row>
    <row r="246" spans="1:1" x14ac:dyDescent="0.25">
      <c r="A246" t="s">
        <v>245</v>
      </c>
    </row>
    <row r="247" spans="1:1" x14ac:dyDescent="0.25">
      <c r="A247" t="s">
        <v>246</v>
      </c>
    </row>
    <row r="248" spans="1:1" x14ac:dyDescent="0.25">
      <c r="A248" t="s">
        <v>247</v>
      </c>
    </row>
    <row r="249" spans="1:1" x14ac:dyDescent="0.25">
      <c r="A249" t="s">
        <v>248</v>
      </c>
    </row>
    <row r="250" spans="1:1" x14ac:dyDescent="0.25">
      <c r="A250" t="s">
        <v>249</v>
      </c>
    </row>
    <row r="251" spans="1:1" x14ac:dyDescent="0.25">
      <c r="A251" t="s">
        <v>250</v>
      </c>
    </row>
    <row r="252" spans="1:1" x14ac:dyDescent="0.25">
      <c r="A252" t="s">
        <v>251</v>
      </c>
    </row>
    <row r="253" spans="1:1" x14ac:dyDescent="0.25">
      <c r="A253" t="s">
        <v>252</v>
      </c>
    </row>
    <row r="254" spans="1:1" x14ac:dyDescent="0.25">
      <c r="A254" t="s">
        <v>253</v>
      </c>
    </row>
    <row r="255" spans="1:1" x14ac:dyDescent="0.25">
      <c r="A255" t="s">
        <v>254</v>
      </c>
    </row>
    <row r="256" spans="1:1" x14ac:dyDescent="0.25">
      <c r="A256" t="s">
        <v>255</v>
      </c>
    </row>
    <row r="257" spans="1:1" x14ac:dyDescent="0.25">
      <c r="A257" t="s">
        <v>256</v>
      </c>
    </row>
    <row r="258" spans="1:1" x14ac:dyDescent="0.25">
      <c r="A258" t="s">
        <v>257</v>
      </c>
    </row>
    <row r="259" spans="1:1" x14ac:dyDescent="0.25">
      <c r="A259" t="s">
        <v>258</v>
      </c>
    </row>
    <row r="260" spans="1:1" x14ac:dyDescent="0.25">
      <c r="A260" t="s">
        <v>259</v>
      </c>
    </row>
    <row r="261" spans="1:1" x14ac:dyDescent="0.25">
      <c r="A261" t="s">
        <v>260</v>
      </c>
    </row>
    <row r="262" spans="1:1" x14ac:dyDescent="0.25">
      <c r="A262" t="s">
        <v>261</v>
      </c>
    </row>
    <row r="263" spans="1:1" x14ac:dyDescent="0.25">
      <c r="A263" t="s">
        <v>262</v>
      </c>
    </row>
    <row r="264" spans="1:1" x14ac:dyDescent="0.25">
      <c r="A264" t="s">
        <v>263</v>
      </c>
    </row>
    <row r="265" spans="1:1" x14ac:dyDescent="0.25">
      <c r="A265" t="s">
        <v>264</v>
      </c>
    </row>
    <row r="266" spans="1:1" x14ac:dyDescent="0.25">
      <c r="A266" t="s">
        <v>265</v>
      </c>
    </row>
    <row r="267" spans="1:1" x14ac:dyDescent="0.25">
      <c r="A267" t="s">
        <v>266</v>
      </c>
    </row>
    <row r="268" spans="1:1" x14ac:dyDescent="0.25">
      <c r="A268" t="s">
        <v>267</v>
      </c>
    </row>
    <row r="269" spans="1:1" x14ac:dyDescent="0.25">
      <c r="A269" t="s">
        <v>268</v>
      </c>
    </row>
    <row r="270" spans="1:1" x14ac:dyDescent="0.25">
      <c r="A270" t="s">
        <v>269</v>
      </c>
    </row>
    <row r="271" spans="1:1" x14ac:dyDescent="0.25">
      <c r="A271" t="s">
        <v>270</v>
      </c>
    </row>
    <row r="272" spans="1:1" x14ac:dyDescent="0.25">
      <c r="A272" t="s">
        <v>271</v>
      </c>
    </row>
    <row r="273" spans="1:1" x14ac:dyDescent="0.25">
      <c r="A273" t="s">
        <v>272</v>
      </c>
    </row>
    <row r="274" spans="1:1" x14ac:dyDescent="0.25">
      <c r="A274" t="s">
        <v>273</v>
      </c>
    </row>
    <row r="275" spans="1:1" x14ac:dyDescent="0.25">
      <c r="A275" t="s">
        <v>274</v>
      </c>
    </row>
    <row r="276" spans="1:1" x14ac:dyDescent="0.25">
      <c r="A276" t="s">
        <v>275</v>
      </c>
    </row>
    <row r="277" spans="1:1" x14ac:dyDescent="0.25">
      <c r="A277" t="s">
        <v>276</v>
      </c>
    </row>
    <row r="278" spans="1:1" x14ac:dyDescent="0.25">
      <c r="A278" t="s">
        <v>277</v>
      </c>
    </row>
    <row r="279" spans="1:1" x14ac:dyDescent="0.25">
      <c r="A279" t="s">
        <v>278</v>
      </c>
    </row>
    <row r="280" spans="1:1" x14ac:dyDescent="0.25">
      <c r="A280" t="s">
        <v>279</v>
      </c>
    </row>
    <row r="281" spans="1:1" x14ac:dyDescent="0.25">
      <c r="A281" t="s">
        <v>280</v>
      </c>
    </row>
    <row r="282" spans="1:1" x14ac:dyDescent="0.25">
      <c r="A282" t="s">
        <v>281</v>
      </c>
    </row>
    <row r="283" spans="1:1" x14ac:dyDescent="0.25">
      <c r="A283" t="s">
        <v>282</v>
      </c>
    </row>
    <row r="284" spans="1:1" x14ac:dyDescent="0.25">
      <c r="A284" t="s">
        <v>283</v>
      </c>
    </row>
    <row r="285" spans="1:1" x14ac:dyDescent="0.25">
      <c r="A285" t="s">
        <v>284</v>
      </c>
    </row>
    <row r="286" spans="1:1" x14ac:dyDescent="0.25">
      <c r="A286" t="s">
        <v>285</v>
      </c>
    </row>
    <row r="287" spans="1:1" x14ac:dyDescent="0.25">
      <c r="A287" t="s">
        <v>286</v>
      </c>
    </row>
    <row r="288" spans="1:1" x14ac:dyDescent="0.25">
      <c r="A288" t="s">
        <v>287</v>
      </c>
    </row>
    <row r="289" spans="1:1" x14ac:dyDescent="0.25">
      <c r="A289" t="s">
        <v>288</v>
      </c>
    </row>
    <row r="290" spans="1:1" x14ac:dyDescent="0.25">
      <c r="A290" t="s">
        <v>289</v>
      </c>
    </row>
    <row r="291" spans="1:1" x14ac:dyDescent="0.25">
      <c r="A291" t="s">
        <v>290</v>
      </c>
    </row>
    <row r="292" spans="1:1" x14ac:dyDescent="0.25">
      <c r="A292" t="s">
        <v>291</v>
      </c>
    </row>
    <row r="293" spans="1:1" x14ac:dyDescent="0.25">
      <c r="A293" t="s">
        <v>292</v>
      </c>
    </row>
    <row r="294" spans="1:1" x14ac:dyDescent="0.25">
      <c r="A294" t="s">
        <v>293</v>
      </c>
    </row>
    <row r="295" spans="1:1" x14ac:dyDescent="0.25">
      <c r="A295" t="s">
        <v>294</v>
      </c>
    </row>
    <row r="296" spans="1:1" x14ac:dyDescent="0.25">
      <c r="A296" t="s">
        <v>295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PSPP liste ISIN EN (002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SA Mariam (SG DIRCOM)</dc:creator>
  <cp:lastModifiedBy>ISSA Mariam (SG DIRCOM)</cp:lastModifiedBy>
  <dcterms:created xsi:type="dcterms:W3CDTF">2025-10-07T13:28:50Z</dcterms:created>
  <dcterms:modified xsi:type="dcterms:W3CDTF">2025-10-07T13:28:50Z</dcterms:modified>
</cp:coreProperties>
</file>